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egstgees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3E03B7F0-D548-22EC-A335-98D0AF35AA3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2645" y="4585928"/>
            <a:ext cx="2115279" cy="212374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1CEC43A5-5341-C627-1DCB-36C23B64C1F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3844" y="3911184"/>
            <a:ext cx="1446084" cy="145186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0-08T08:57:11Z</dcterms:modified>
</cp:coreProperties>
</file>